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20C221B1-D127-4C63-A7FA-8A4DFC3688A5}" xr6:coauthVersionLast="47" xr6:coauthVersionMax="47" xr10:uidLastSave="{00000000-0000-0000-0000-000000000000}"/>
  <bookViews>
    <workbookView xWindow="2670" yWindow="930" windowWidth="15375" windowHeight="7875" xr2:uid="{E40EB934-B3F6-480C-8D0B-35CFCFF4BCF4}"/>
  </bookViews>
  <sheets>
    <sheet name="別紙13" sheetId="2" r:id="rId1"/>
    <sheet name="Sheet1" sheetId="1" r:id="rId2"/>
  </sheets>
  <externalReferences>
    <externalReference r:id="rId3"/>
    <externalReference r:id="rId4"/>
    <externalReference r:id="rId5"/>
  </externalReferences>
  <definedNames>
    <definedName name="ｋ">#N/A</definedName>
    <definedName name="_xlnm.Print_Area" localSheetId="0">別紙13!$A$1:$Y$38</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7" uniqueCount="40">
  <si>
    <t>（別紙13）</t>
    <phoneticPr fontId="4"/>
  </si>
  <si>
    <t>看取り連携体制加算に係る届出書</t>
    <rPh sb="0" eb="2">
      <t>ミト</t>
    </rPh>
    <rPh sb="3" eb="5">
      <t>レンケイ</t>
    </rPh>
    <rPh sb="5" eb="7">
      <t>タイセイ</t>
    </rPh>
    <rPh sb="7" eb="9">
      <t>カサン</t>
    </rPh>
    <rPh sb="10" eb="11">
      <t>カカ</t>
    </rPh>
    <rPh sb="12" eb="15">
      <t>トドケデショ</t>
    </rPh>
    <phoneticPr fontId="4"/>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4"/>
  </si>
  <si>
    <t>事 業 所 名</t>
  </si>
  <si>
    <t>異動等区分</t>
    <phoneticPr fontId="4"/>
  </si>
  <si>
    <t>□</t>
  </si>
  <si>
    <t>1　新規</t>
    <phoneticPr fontId="4"/>
  </si>
  <si>
    <t>2　変更</t>
    <phoneticPr fontId="4"/>
  </si>
  <si>
    <t>3　終了</t>
    <phoneticPr fontId="4"/>
  </si>
  <si>
    <t>事業所等の区分</t>
    <rPh sb="0" eb="3">
      <t>ジギョウショ</t>
    </rPh>
    <phoneticPr fontId="4"/>
  </si>
  <si>
    <t>1　訪問入浴介護事業所</t>
    <rPh sb="2" eb="11">
      <t>ホウモンニュウヨクカイゴジギョウショ</t>
    </rPh>
    <phoneticPr fontId="4"/>
  </si>
  <si>
    <t>2　短期入所生活介護事業所</t>
    <rPh sb="2" eb="13">
      <t>タンキニュウショセイカツカイゴジギョウショ</t>
    </rPh>
    <phoneticPr fontId="4"/>
  </si>
  <si>
    <t>3　小規模多機能型居宅介護事業所</t>
    <rPh sb="2" eb="5">
      <t>ショウキボ</t>
    </rPh>
    <rPh sb="5" eb="9">
      <t>タキノウガタ</t>
    </rPh>
    <rPh sb="9" eb="11">
      <t>キョタク</t>
    </rPh>
    <rPh sb="11" eb="13">
      <t>カイゴ</t>
    </rPh>
    <rPh sb="13" eb="16">
      <t>ジギョウショ</t>
    </rPh>
    <phoneticPr fontId="4"/>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4"/>
  </si>
  <si>
    <t>有</t>
    <rPh sb="0" eb="1">
      <t>ア</t>
    </rPh>
    <phoneticPr fontId="4"/>
  </si>
  <si>
    <t>・</t>
    <phoneticPr fontId="4"/>
  </si>
  <si>
    <t>無</t>
    <rPh sb="0" eb="1">
      <t>ナ</t>
    </rPh>
    <phoneticPr fontId="4"/>
  </si>
  <si>
    <t>訪問入浴
介護</t>
    <rPh sb="0" eb="2">
      <t>ホウモン</t>
    </rPh>
    <rPh sb="2" eb="4">
      <t>ニュウヨク</t>
    </rPh>
    <rPh sb="5" eb="7">
      <t>カイゴ</t>
    </rPh>
    <phoneticPr fontId="4"/>
  </si>
  <si>
    <t>①</t>
    <phoneticPr fontId="4"/>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4"/>
  </si>
  <si>
    <t>②</t>
    <phoneticPr fontId="4"/>
  </si>
  <si>
    <t>看取り期における対応方針を定め、利用開始の際に、利用者又はその家族等に対して、当該対応方針の内容を説明し、同意を得ている。</t>
    <phoneticPr fontId="4"/>
  </si>
  <si>
    <t>③</t>
    <phoneticPr fontId="4"/>
  </si>
  <si>
    <t>看取りに関する職員研修を行っている。</t>
    <rPh sb="0" eb="2">
      <t>ミト</t>
    </rPh>
    <rPh sb="4" eb="5">
      <t>カン</t>
    </rPh>
    <rPh sb="7" eb="9">
      <t>ショクイン</t>
    </rPh>
    <rPh sb="9" eb="11">
      <t>ケンシュウ</t>
    </rPh>
    <rPh sb="12" eb="13">
      <t>オコナ</t>
    </rPh>
    <phoneticPr fontId="4"/>
  </si>
  <si>
    <t>④</t>
    <phoneticPr fontId="4"/>
  </si>
  <si>
    <t>「人生の最終段階における医療・ケアの決定プロセスに関するガイドライン」等の内容に沿った取組を行っている。</t>
    <phoneticPr fontId="4"/>
  </si>
  <si>
    <t>短期入所
生活介護</t>
    <rPh sb="0" eb="2">
      <t>タンキ</t>
    </rPh>
    <rPh sb="2" eb="4">
      <t>ニュウショ</t>
    </rPh>
    <rPh sb="5" eb="7">
      <t>セイカツ</t>
    </rPh>
    <rPh sb="7" eb="9">
      <t>カイゴ</t>
    </rPh>
    <phoneticPr fontId="4"/>
  </si>
  <si>
    <t>看護体制加算（Ⅱ）又は（Ⅳ）イ若しくはロを算定している。</t>
    <rPh sb="2" eb="4">
      <t>タイセイ</t>
    </rPh>
    <rPh sb="9" eb="10">
      <t>マタ</t>
    </rPh>
    <rPh sb="15" eb="16">
      <t>モ</t>
    </rPh>
    <phoneticPr fontId="4"/>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4"/>
  </si>
  <si>
    <t>看取り期における対応方針を定め、利用開始の際に、登録者又はその家族等に当該方針の内容を説明し、同意を得ている。</t>
    <phoneticPr fontId="4"/>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4"/>
  </si>
  <si>
    <t>⑤</t>
    <phoneticPr fontId="4"/>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4"/>
  </si>
  <si>
    <t>⑥</t>
    <phoneticPr fontId="4"/>
  </si>
  <si>
    <t>小規模多機能型居宅介護</t>
    <rPh sb="0" eb="11">
      <t>ショウキボタキノウガタキョタクカイゴ</t>
    </rPh>
    <phoneticPr fontId="4"/>
  </si>
  <si>
    <t>看護職員配置加算（Ⅰ）を算定している。</t>
    <phoneticPr fontId="4"/>
  </si>
  <si>
    <t>看護師により24時間連絡できる体制を確保している。</t>
    <phoneticPr fontId="4"/>
  </si>
  <si>
    <t>宿泊室等において看取りを行う場合に、プライバシーの確保及び家族へ配慮をすることについて十分留意している。</t>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53">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8" xfId="1" applyFont="1" applyBorder="1" applyAlignment="1">
      <alignment horizontal="center" vertical="center"/>
    </xf>
    <xf numFmtId="0" fontId="2" fillId="0" borderId="0" xfId="1" applyFont="1" applyAlignment="1">
      <alignment horizontal="left" vertical="center" wrapText="1"/>
    </xf>
    <xf numFmtId="0" fontId="2" fillId="0" borderId="9" xfId="1" applyFont="1" applyBorder="1" applyAlignment="1">
      <alignment horizontal="left" vertical="center" wrapText="1"/>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horizontal="left" vertical="center" wrapText="1"/>
    </xf>
    <xf numFmtId="0" fontId="2" fillId="0" borderId="12" xfId="1" applyFont="1" applyBorder="1" applyAlignment="1">
      <alignment horizontal="left" vertical="center" wrapText="1"/>
    </xf>
    <xf numFmtId="0" fontId="2" fillId="0" borderId="5"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9" xfId="1" applyFont="1" applyBorder="1" applyAlignment="1">
      <alignment horizontal="left" vertical="center"/>
    </xf>
    <xf numFmtId="0" fontId="5" fillId="0" borderId="0" xfId="1" applyFont="1" applyAlignment="1">
      <alignment horizontal="center" vertical="center"/>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2" fillId="0" borderId="7" xfId="1" applyFont="1" applyBorder="1" applyAlignment="1">
      <alignment horizontal="center" vertical="center" wrapText="1"/>
    </xf>
    <xf numFmtId="0" fontId="2" fillId="0" borderId="1" xfId="1" applyFont="1" applyBorder="1" applyAlignment="1">
      <alignment horizontal="center" vertical="center"/>
    </xf>
    <xf numFmtId="0" fontId="2" fillId="0" borderId="1" xfId="1" applyFont="1" applyBorder="1" applyAlignment="1">
      <alignment horizontal="left" vertical="center" wrapText="1"/>
    </xf>
    <xf numFmtId="0" fontId="2" fillId="0" borderId="1" xfId="1" applyFont="1" applyBorder="1" applyAlignment="1">
      <alignment horizontal="left" vertical="center"/>
    </xf>
    <xf numFmtId="0" fontId="2" fillId="0" borderId="9" xfId="1" applyFont="1" applyBorder="1" applyAlignment="1">
      <alignment vertical="center"/>
    </xf>
    <xf numFmtId="0" fontId="2" fillId="0" borderId="0" xfId="1" applyFont="1" applyAlignment="1">
      <alignment horizontal="center" vertical="center"/>
    </xf>
    <xf numFmtId="0" fontId="2" fillId="0" borderId="8" xfId="1" applyFont="1" applyBorder="1" applyAlignment="1">
      <alignment horizontal="center" vertical="center" wrapText="1"/>
    </xf>
    <xf numFmtId="0" fontId="2" fillId="0" borderId="0" xfId="1" applyFont="1" applyAlignment="1">
      <alignment horizontal="center" vertical="center" wrapText="1"/>
    </xf>
    <xf numFmtId="0" fontId="2" fillId="0" borderId="9" xfId="1" applyFont="1" applyBorder="1" applyAlignment="1">
      <alignment horizontal="center" vertical="center" wrapText="1"/>
    </xf>
    <xf numFmtId="0" fontId="2" fillId="0" borderId="9" xfId="1" applyFont="1" applyBorder="1" applyAlignment="1">
      <alignment vertical="center" wrapText="1"/>
    </xf>
    <xf numFmtId="0" fontId="2" fillId="0" borderId="10" xfId="1" applyFont="1" applyBorder="1" applyAlignment="1">
      <alignment horizontal="center" vertical="center" wrapText="1"/>
    </xf>
    <xf numFmtId="0" fontId="2" fillId="0" borderId="11" xfId="1" applyFont="1" applyBorder="1" applyAlignment="1">
      <alignment horizontal="center" vertical="center" wrapText="1"/>
    </xf>
    <xf numFmtId="0" fontId="2" fillId="0" borderId="12" xfId="1" applyFont="1" applyBorder="1" applyAlignment="1">
      <alignment horizontal="center" vertical="center" wrapText="1"/>
    </xf>
    <xf numFmtId="0" fontId="2" fillId="0" borderId="10" xfId="1" applyFont="1" applyBorder="1" applyAlignment="1">
      <alignment horizontal="left" vertical="center"/>
    </xf>
    <xf numFmtId="0" fontId="2" fillId="0" borderId="12" xfId="1" applyFont="1" applyBorder="1" applyAlignment="1">
      <alignment horizontal="left" vertical="center"/>
    </xf>
  </cellXfs>
  <cellStyles count="2">
    <cellStyle name="標準" xfId="0" builtinId="0"/>
    <cellStyle name="標準 2" xfId="1" xr:uid="{86B9A8FA-7E0B-4A5D-B5E9-02347E5A37E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CA224A0-589F-40F4-B96D-B4B900754F34}">
  <dimension ref="B2:AB123"/>
  <sheetViews>
    <sheetView tabSelected="1" zoomScaleNormal="100" zoomScaleSheetLayoutView="130" workbookViewId="0">
      <selection activeCell="G22" sqref="G22:S22"/>
    </sheetView>
  </sheetViews>
  <sheetFormatPr defaultColWidth="4" defaultRowHeight="13.5" x14ac:dyDescent="0.4"/>
  <cols>
    <col min="1" max="1" width="1.5" style="1" customWidth="1"/>
    <col min="2" max="2" width="2.375" style="1" customWidth="1"/>
    <col min="3" max="3" width="1.125" style="1" customWidth="1"/>
    <col min="4"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8" x14ac:dyDescent="0.15">
      <c r="B2" s="1" t="s">
        <v>0</v>
      </c>
      <c r="C2" s="2"/>
      <c r="D2" s="2"/>
      <c r="E2" s="2"/>
      <c r="F2" s="2"/>
      <c r="G2" s="2"/>
      <c r="H2" s="2"/>
      <c r="I2" s="2"/>
      <c r="J2" s="2"/>
      <c r="K2" s="2"/>
      <c r="L2" s="2"/>
      <c r="M2" s="2"/>
      <c r="N2" s="2"/>
      <c r="O2" s="2"/>
      <c r="P2" s="2"/>
      <c r="Q2" s="2"/>
      <c r="R2" s="2"/>
      <c r="S2" s="2"/>
      <c r="T2" s="2"/>
      <c r="U2" s="2"/>
      <c r="V2" s="2"/>
      <c r="W2" s="2"/>
      <c r="X2" s="2"/>
      <c r="Y2" s="2"/>
    </row>
    <row r="4" spans="2:28" x14ac:dyDescent="0.4">
      <c r="B4" s="3" t="s">
        <v>1</v>
      </c>
      <c r="C4" s="3"/>
      <c r="D4" s="3"/>
      <c r="E4" s="3"/>
      <c r="F4" s="3"/>
      <c r="G4" s="3"/>
      <c r="H4" s="3"/>
      <c r="I4" s="3"/>
      <c r="J4" s="3"/>
      <c r="K4" s="3"/>
      <c r="L4" s="3"/>
      <c r="M4" s="3"/>
      <c r="N4" s="3"/>
      <c r="O4" s="3"/>
      <c r="P4" s="3"/>
      <c r="Q4" s="3"/>
      <c r="R4" s="3"/>
      <c r="S4" s="3"/>
      <c r="T4" s="3"/>
      <c r="U4" s="3"/>
      <c r="V4" s="3"/>
      <c r="W4" s="3"/>
      <c r="X4" s="3"/>
      <c r="Y4" s="3"/>
    </row>
    <row r="5" spans="2:28" x14ac:dyDescent="0.4">
      <c r="B5" s="3" t="s">
        <v>2</v>
      </c>
      <c r="C5" s="3"/>
      <c r="D5" s="3"/>
      <c r="E5" s="3"/>
      <c r="F5" s="3"/>
      <c r="G5" s="3"/>
      <c r="H5" s="3"/>
      <c r="I5" s="3"/>
      <c r="J5" s="3"/>
      <c r="K5" s="3"/>
      <c r="L5" s="3"/>
      <c r="M5" s="3"/>
      <c r="N5" s="3"/>
      <c r="O5" s="3"/>
      <c r="P5" s="3"/>
      <c r="Q5" s="3"/>
      <c r="R5" s="3"/>
      <c r="S5" s="3"/>
      <c r="T5" s="3"/>
      <c r="U5" s="3"/>
      <c r="V5" s="3"/>
      <c r="W5" s="3"/>
      <c r="X5" s="3"/>
      <c r="Y5" s="3"/>
    </row>
    <row r="6" spans="2:28" ht="12.75" customHeight="1" x14ac:dyDescent="0.4"/>
    <row r="7" spans="2:28" ht="23.25" customHeight="1" x14ac:dyDescent="0.4">
      <c r="B7" s="4" t="s">
        <v>3</v>
      </c>
      <c r="C7" s="4"/>
      <c r="D7" s="4"/>
      <c r="E7" s="4"/>
      <c r="F7" s="4"/>
      <c r="G7" s="5"/>
      <c r="H7" s="6"/>
      <c r="I7" s="6"/>
      <c r="J7" s="6"/>
      <c r="K7" s="6"/>
      <c r="L7" s="6"/>
      <c r="M7" s="6"/>
      <c r="N7" s="6"/>
      <c r="O7" s="6"/>
      <c r="P7" s="6"/>
      <c r="Q7" s="6"/>
      <c r="R7" s="6"/>
      <c r="S7" s="6"/>
      <c r="T7" s="6"/>
      <c r="U7" s="6"/>
      <c r="V7" s="6"/>
      <c r="W7" s="6"/>
      <c r="X7" s="6"/>
      <c r="Y7" s="7"/>
    </row>
    <row r="8" spans="2:28" ht="26.25" customHeight="1" x14ac:dyDescent="0.4">
      <c r="B8" s="4" t="s">
        <v>4</v>
      </c>
      <c r="C8" s="4"/>
      <c r="D8" s="4"/>
      <c r="E8" s="4"/>
      <c r="F8" s="4"/>
      <c r="G8" s="8" t="s">
        <v>5</v>
      </c>
      <c r="H8" s="9" t="s">
        <v>6</v>
      </c>
      <c r="I8" s="9"/>
      <c r="J8" s="9"/>
      <c r="K8" s="9"/>
      <c r="L8" s="8" t="s">
        <v>5</v>
      </c>
      <c r="M8" s="9" t="s">
        <v>7</v>
      </c>
      <c r="N8" s="9"/>
      <c r="O8" s="9"/>
      <c r="P8" s="9"/>
      <c r="Q8" s="8" t="s">
        <v>5</v>
      </c>
      <c r="R8" s="9" t="s">
        <v>8</v>
      </c>
      <c r="S8" s="9"/>
      <c r="T8" s="9"/>
      <c r="U8" s="9"/>
      <c r="V8" s="9"/>
      <c r="W8" s="10"/>
      <c r="X8" s="10"/>
      <c r="Y8" s="11"/>
    </row>
    <row r="9" spans="2:28" ht="19.5" customHeight="1" x14ac:dyDescent="0.4">
      <c r="B9" s="12" t="s">
        <v>9</v>
      </c>
      <c r="C9" s="13"/>
      <c r="D9" s="13"/>
      <c r="E9" s="13"/>
      <c r="F9" s="14"/>
      <c r="G9" s="15" t="s">
        <v>5</v>
      </c>
      <c r="H9" s="16" t="s">
        <v>10</v>
      </c>
      <c r="I9" s="17"/>
      <c r="J9" s="17"/>
      <c r="K9" s="17"/>
      <c r="L9" s="17"/>
      <c r="M9" s="17"/>
      <c r="N9" s="17"/>
      <c r="O9" s="17"/>
      <c r="P9" s="17"/>
      <c r="Q9" s="17"/>
      <c r="R9" s="17"/>
      <c r="S9" s="17"/>
      <c r="T9" s="17"/>
      <c r="U9" s="17"/>
      <c r="V9" s="17"/>
      <c r="W9" s="17"/>
      <c r="X9" s="17"/>
      <c r="Y9" s="18"/>
    </row>
    <row r="10" spans="2:28" ht="18.75" customHeight="1" x14ac:dyDescent="0.4">
      <c r="B10" s="19"/>
      <c r="C10" s="3"/>
      <c r="D10" s="3"/>
      <c r="E10" s="3"/>
      <c r="F10" s="20"/>
      <c r="G10" s="21" t="s">
        <v>5</v>
      </c>
      <c r="H10" s="1" t="s">
        <v>11</v>
      </c>
      <c r="I10" s="22"/>
      <c r="J10" s="22"/>
      <c r="K10" s="22"/>
      <c r="L10" s="22"/>
      <c r="M10" s="22"/>
      <c r="N10" s="22"/>
      <c r="O10" s="22"/>
      <c r="P10" s="22"/>
      <c r="Q10" s="22"/>
      <c r="R10" s="22"/>
      <c r="S10" s="22"/>
      <c r="T10" s="22"/>
      <c r="U10" s="22"/>
      <c r="V10" s="22"/>
      <c r="W10" s="22"/>
      <c r="X10" s="22"/>
      <c r="Y10" s="23"/>
    </row>
    <row r="11" spans="2:28" ht="17.25" customHeight="1" x14ac:dyDescent="0.15">
      <c r="B11" s="24"/>
      <c r="C11" s="25"/>
      <c r="D11" s="25"/>
      <c r="E11" s="25"/>
      <c r="F11" s="26"/>
      <c r="G11" s="27" t="s">
        <v>5</v>
      </c>
      <c r="H11" s="28" t="s">
        <v>12</v>
      </c>
      <c r="I11" s="29"/>
      <c r="J11" s="29"/>
      <c r="K11" s="29"/>
      <c r="L11" s="29"/>
      <c r="M11" s="29"/>
      <c r="N11" s="29"/>
      <c r="O11" s="29"/>
      <c r="P11" s="29"/>
      <c r="Q11" s="29"/>
      <c r="R11" s="29"/>
      <c r="S11" s="29"/>
      <c r="T11" s="29"/>
      <c r="U11" s="29"/>
      <c r="V11" s="29"/>
      <c r="W11" s="29"/>
      <c r="X11" s="29"/>
      <c r="Y11" s="30"/>
      <c r="Z11" s="2"/>
      <c r="AA11" s="2"/>
      <c r="AB11" s="2"/>
    </row>
    <row r="12" spans="2:28" ht="20.25" customHeight="1" x14ac:dyDescent="0.4"/>
    <row r="13" spans="2:28" ht="3.75" customHeight="1" x14ac:dyDescent="0.4">
      <c r="B13" s="31"/>
      <c r="C13" s="16"/>
      <c r="D13" s="16"/>
      <c r="E13" s="16"/>
      <c r="F13" s="16"/>
      <c r="G13" s="16"/>
      <c r="H13" s="16"/>
      <c r="I13" s="16"/>
      <c r="J13" s="16"/>
      <c r="K13" s="16"/>
      <c r="L13" s="16"/>
      <c r="M13" s="16"/>
      <c r="N13" s="16"/>
      <c r="O13" s="16"/>
      <c r="P13" s="16"/>
      <c r="Q13" s="16"/>
      <c r="R13" s="16"/>
      <c r="S13" s="16"/>
      <c r="T13" s="32"/>
      <c r="U13" s="16"/>
      <c r="V13" s="16"/>
      <c r="W13" s="16"/>
      <c r="X13" s="16"/>
      <c r="Y13" s="32"/>
    </row>
    <row r="14" spans="2:28" ht="15" customHeight="1" x14ac:dyDescent="0.4">
      <c r="B14" s="33" t="s">
        <v>13</v>
      </c>
      <c r="T14" s="34"/>
      <c r="V14" s="35" t="s">
        <v>14</v>
      </c>
      <c r="W14" s="35" t="s">
        <v>15</v>
      </c>
      <c r="X14" s="35" t="s">
        <v>16</v>
      </c>
      <c r="Y14" s="34"/>
    </row>
    <row r="15" spans="2:28" ht="9" customHeight="1" x14ac:dyDescent="0.4">
      <c r="B15" s="33"/>
      <c r="T15" s="34"/>
      <c r="Y15" s="34"/>
    </row>
    <row r="16" spans="2:28" ht="72.75" customHeight="1" x14ac:dyDescent="0.4">
      <c r="B16" s="33"/>
      <c r="C16" s="36" t="s">
        <v>17</v>
      </c>
      <c r="D16" s="37"/>
      <c r="E16" s="38"/>
      <c r="F16" s="39" t="s">
        <v>18</v>
      </c>
      <c r="G16" s="40" t="s">
        <v>19</v>
      </c>
      <c r="H16" s="41"/>
      <c r="I16" s="41"/>
      <c r="J16" s="41"/>
      <c r="K16" s="41"/>
      <c r="L16" s="41"/>
      <c r="M16" s="41"/>
      <c r="N16" s="41"/>
      <c r="O16" s="41"/>
      <c r="P16" s="41"/>
      <c r="Q16" s="41"/>
      <c r="R16" s="41"/>
      <c r="S16" s="41"/>
      <c r="T16" s="42"/>
      <c r="V16" s="43" t="s">
        <v>5</v>
      </c>
      <c r="W16" s="43" t="s">
        <v>15</v>
      </c>
      <c r="X16" s="43" t="s">
        <v>5</v>
      </c>
      <c r="Y16" s="42"/>
    </row>
    <row r="17" spans="2:28" ht="45" customHeight="1" x14ac:dyDescent="0.4">
      <c r="B17" s="33"/>
      <c r="C17" s="44"/>
      <c r="D17" s="45"/>
      <c r="E17" s="46"/>
      <c r="F17" s="39" t="s">
        <v>20</v>
      </c>
      <c r="G17" s="40" t="s">
        <v>21</v>
      </c>
      <c r="H17" s="40"/>
      <c r="I17" s="40"/>
      <c r="J17" s="40"/>
      <c r="K17" s="40"/>
      <c r="L17" s="40"/>
      <c r="M17" s="40"/>
      <c r="N17" s="40"/>
      <c r="O17" s="40"/>
      <c r="P17" s="40"/>
      <c r="Q17" s="40"/>
      <c r="R17" s="40"/>
      <c r="S17" s="40"/>
      <c r="T17" s="47"/>
      <c r="V17" s="43" t="s">
        <v>5</v>
      </c>
      <c r="W17" s="43" t="s">
        <v>15</v>
      </c>
      <c r="X17" s="43" t="s">
        <v>5</v>
      </c>
      <c r="Y17" s="42"/>
    </row>
    <row r="18" spans="2:28" ht="24.75" customHeight="1" x14ac:dyDescent="0.4">
      <c r="B18" s="33"/>
      <c r="C18" s="44"/>
      <c r="D18" s="45"/>
      <c r="E18" s="46"/>
      <c r="F18" s="39" t="s">
        <v>22</v>
      </c>
      <c r="G18" s="40" t="s">
        <v>23</v>
      </c>
      <c r="H18" s="40"/>
      <c r="I18" s="40"/>
      <c r="J18" s="40"/>
      <c r="K18" s="40"/>
      <c r="L18" s="40"/>
      <c r="M18" s="40"/>
      <c r="N18" s="40"/>
      <c r="O18" s="40"/>
      <c r="P18" s="40"/>
      <c r="Q18" s="40"/>
      <c r="R18" s="40"/>
      <c r="S18" s="40"/>
      <c r="T18" s="47"/>
      <c r="V18" s="43" t="s">
        <v>5</v>
      </c>
      <c r="W18" s="43" t="s">
        <v>15</v>
      </c>
      <c r="X18" s="43" t="s">
        <v>5</v>
      </c>
      <c r="Y18" s="42"/>
    </row>
    <row r="19" spans="2:28" ht="41.25" customHeight="1" x14ac:dyDescent="0.4">
      <c r="B19" s="33"/>
      <c r="C19" s="48"/>
      <c r="D19" s="49"/>
      <c r="E19" s="50"/>
      <c r="F19" s="39" t="s">
        <v>24</v>
      </c>
      <c r="G19" s="40" t="s">
        <v>25</v>
      </c>
      <c r="H19" s="40"/>
      <c r="I19" s="40"/>
      <c r="J19" s="40"/>
      <c r="K19" s="40"/>
      <c r="L19" s="40"/>
      <c r="M19" s="40"/>
      <c r="N19" s="40"/>
      <c r="O19" s="40"/>
      <c r="P19" s="40"/>
      <c r="Q19" s="40"/>
      <c r="R19" s="40"/>
      <c r="S19" s="40"/>
      <c r="T19" s="47"/>
      <c r="V19" s="43" t="s">
        <v>5</v>
      </c>
      <c r="W19" s="43" t="s">
        <v>15</v>
      </c>
      <c r="X19" s="43" t="s">
        <v>5</v>
      </c>
      <c r="Y19" s="42"/>
    </row>
    <row r="20" spans="2:28" ht="18.75" customHeight="1" x14ac:dyDescent="0.4">
      <c r="B20" s="33"/>
      <c r="T20" s="34"/>
      <c r="Y20" s="34"/>
    </row>
    <row r="21" spans="2:28" ht="34.5" customHeight="1" x14ac:dyDescent="0.4">
      <c r="B21" s="33"/>
      <c r="C21" s="36" t="s">
        <v>26</v>
      </c>
      <c r="D21" s="37"/>
      <c r="E21" s="38"/>
      <c r="F21" s="39" t="s">
        <v>18</v>
      </c>
      <c r="G21" s="40" t="s">
        <v>27</v>
      </c>
      <c r="H21" s="40"/>
      <c r="I21" s="40"/>
      <c r="J21" s="40"/>
      <c r="K21" s="40"/>
      <c r="L21" s="40"/>
      <c r="M21" s="40"/>
      <c r="N21" s="40"/>
      <c r="O21" s="40"/>
      <c r="P21" s="40"/>
      <c r="Q21" s="40"/>
      <c r="R21" s="40"/>
      <c r="S21" s="40"/>
      <c r="T21" s="42"/>
      <c r="V21" s="43" t="s">
        <v>5</v>
      </c>
      <c r="W21" s="43" t="s">
        <v>15</v>
      </c>
      <c r="X21" s="43" t="s">
        <v>5</v>
      </c>
      <c r="Y21" s="42"/>
    </row>
    <row r="22" spans="2:28" ht="78" customHeight="1" x14ac:dyDescent="0.4">
      <c r="B22" s="33"/>
      <c r="C22" s="44"/>
      <c r="D22" s="45"/>
      <c r="E22" s="46"/>
      <c r="F22" s="39" t="s">
        <v>20</v>
      </c>
      <c r="G22" s="40" t="s">
        <v>28</v>
      </c>
      <c r="H22" s="40"/>
      <c r="I22" s="40"/>
      <c r="J22" s="40"/>
      <c r="K22" s="40"/>
      <c r="L22" s="40"/>
      <c r="M22" s="40"/>
      <c r="N22" s="40"/>
      <c r="O22" s="40"/>
      <c r="P22" s="40"/>
      <c r="Q22" s="40"/>
      <c r="R22" s="40"/>
      <c r="S22" s="40"/>
      <c r="T22" s="42"/>
      <c r="V22" s="43" t="s">
        <v>5</v>
      </c>
      <c r="W22" s="43" t="s">
        <v>15</v>
      </c>
      <c r="X22" s="43" t="s">
        <v>5</v>
      </c>
      <c r="Y22" s="42"/>
    </row>
    <row r="23" spans="2:28" ht="45.75" customHeight="1" x14ac:dyDescent="0.4">
      <c r="B23" s="33"/>
      <c r="C23" s="44"/>
      <c r="D23" s="45"/>
      <c r="E23" s="46"/>
      <c r="F23" s="39" t="s">
        <v>22</v>
      </c>
      <c r="G23" s="40" t="s">
        <v>29</v>
      </c>
      <c r="H23" s="40"/>
      <c r="I23" s="40"/>
      <c r="J23" s="40"/>
      <c r="K23" s="40"/>
      <c r="L23" s="40"/>
      <c r="M23" s="40"/>
      <c r="N23" s="40"/>
      <c r="O23" s="40"/>
      <c r="P23" s="40"/>
      <c r="Q23" s="40"/>
      <c r="R23" s="40"/>
      <c r="S23" s="40"/>
      <c r="T23" s="47"/>
      <c r="V23" s="43" t="s">
        <v>5</v>
      </c>
      <c r="W23" s="43" t="s">
        <v>15</v>
      </c>
      <c r="X23" s="43" t="s">
        <v>5</v>
      </c>
      <c r="Y23" s="42"/>
    </row>
    <row r="24" spans="2:28" ht="42.75" customHeight="1" x14ac:dyDescent="0.4">
      <c r="B24" s="33"/>
      <c r="C24" s="44"/>
      <c r="D24" s="45"/>
      <c r="E24" s="46"/>
      <c r="F24" s="39" t="s">
        <v>24</v>
      </c>
      <c r="G24" s="40" t="s">
        <v>30</v>
      </c>
      <c r="H24" s="40"/>
      <c r="I24" s="40"/>
      <c r="J24" s="40"/>
      <c r="K24" s="40"/>
      <c r="L24" s="40"/>
      <c r="M24" s="40"/>
      <c r="N24" s="40"/>
      <c r="O24" s="40"/>
      <c r="P24" s="40"/>
      <c r="Q24" s="40"/>
      <c r="R24" s="40"/>
      <c r="S24" s="40"/>
      <c r="T24" s="47"/>
      <c r="V24" s="43" t="s">
        <v>5</v>
      </c>
      <c r="W24" s="43" t="s">
        <v>15</v>
      </c>
      <c r="X24" s="43" t="s">
        <v>5</v>
      </c>
      <c r="Y24" s="42"/>
    </row>
    <row r="25" spans="2:28" ht="42" customHeight="1" x14ac:dyDescent="0.15">
      <c r="B25" s="33"/>
      <c r="C25" s="44"/>
      <c r="D25" s="45"/>
      <c r="E25" s="46"/>
      <c r="F25" s="39" t="s">
        <v>31</v>
      </c>
      <c r="G25" s="40" t="s">
        <v>32</v>
      </c>
      <c r="H25" s="40"/>
      <c r="I25" s="40"/>
      <c r="J25" s="40"/>
      <c r="K25" s="40"/>
      <c r="L25" s="40"/>
      <c r="M25" s="40"/>
      <c r="N25" s="40"/>
      <c r="O25" s="40"/>
      <c r="P25" s="40"/>
      <c r="Q25" s="40"/>
      <c r="R25" s="40"/>
      <c r="S25" s="40"/>
      <c r="T25" s="47"/>
      <c r="V25" s="43" t="s">
        <v>5</v>
      </c>
      <c r="W25" s="43" t="s">
        <v>15</v>
      </c>
      <c r="X25" s="43" t="s">
        <v>5</v>
      </c>
      <c r="Y25" s="42"/>
      <c r="Z25" s="2"/>
      <c r="AA25" s="2"/>
      <c r="AB25" s="2"/>
    </row>
    <row r="26" spans="2:28" ht="51" customHeight="1" x14ac:dyDescent="0.15">
      <c r="B26" s="33"/>
      <c r="C26" s="48"/>
      <c r="D26" s="49"/>
      <c r="E26" s="50"/>
      <c r="F26" s="39" t="s">
        <v>33</v>
      </c>
      <c r="G26" s="40" t="s">
        <v>25</v>
      </c>
      <c r="H26" s="40"/>
      <c r="I26" s="40"/>
      <c r="J26" s="40"/>
      <c r="K26" s="40"/>
      <c r="L26" s="40"/>
      <c r="M26" s="40"/>
      <c r="N26" s="40"/>
      <c r="O26" s="40"/>
      <c r="P26" s="40"/>
      <c r="Q26" s="40"/>
      <c r="R26" s="40"/>
      <c r="S26" s="40"/>
      <c r="T26" s="47"/>
      <c r="V26" s="43" t="s">
        <v>5</v>
      </c>
      <c r="W26" s="43" t="s">
        <v>15</v>
      </c>
      <c r="X26" s="43" t="s">
        <v>5</v>
      </c>
      <c r="Y26" s="42"/>
      <c r="Z26" s="2"/>
      <c r="AA26" s="2"/>
      <c r="AB26" s="2"/>
    </row>
    <row r="27" spans="2:28" ht="16.5" customHeight="1" x14ac:dyDescent="0.4">
      <c r="B27" s="33"/>
      <c r="T27" s="34"/>
      <c r="Y27" s="34"/>
    </row>
    <row r="28" spans="2:28" ht="27" customHeight="1" x14ac:dyDescent="0.4">
      <c r="B28" s="33"/>
      <c r="C28" s="36" t="s">
        <v>34</v>
      </c>
      <c r="D28" s="37"/>
      <c r="E28" s="38"/>
      <c r="F28" s="39" t="s">
        <v>18</v>
      </c>
      <c r="G28" s="41" t="s">
        <v>35</v>
      </c>
      <c r="H28" s="41"/>
      <c r="I28" s="41"/>
      <c r="J28" s="41"/>
      <c r="K28" s="41"/>
      <c r="L28" s="41"/>
      <c r="M28" s="41"/>
      <c r="N28" s="41"/>
      <c r="O28" s="41"/>
      <c r="P28" s="41"/>
      <c r="Q28" s="41"/>
      <c r="R28" s="41"/>
      <c r="S28" s="41"/>
      <c r="T28" s="42"/>
      <c r="V28" s="43" t="s">
        <v>5</v>
      </c>
      <c r="W28" s="43" t="s">
        <v>15</v>
      </c>
      <c r="X28" s="43" t="s">
        <v>5</v>
      </c>
      <c r="Y28" s="42"/>
    </row>
    <row r="29" spans="2:28" ht="24.75" customHeight="1" x14ac:dyDescent="0.4">
      <c r="B29" s="33"/>
      <c r="C29" s="44"/>
      <c r="D29" s="45"/>
      <c r="E29" s="46"/>
      <c r="F29" s="39" t="s">
        <v>20</v>
      </c>
      <c r="G29" s="41" t="s">
        <v>36</v>
      </c>
      <c r="H29" s="41"/>
      <c r="I29" s="41"/>
      <c r="J29" s="41"/>
      <c r="K29" s="41"/>
      <c r="L29" s="41"/>
      <c r="M29" s="41"/>
      <c r="N29" s="41"/>
      <c r="O29" s="41"/>
      <c r="P29" s="41"/>
      <c r="Q29" s="41"/>
      <c r="R29" s="41"/>
      <c r="S29" s="41"/>
      <c r="T29" s="42"/>
      <c r="V29" s="43" t="s">
        <v>5</v>
      </c>
      <c r="W29" s="43" t="s">
        <v>15</v>
      </c>
      <c r="X29" s="43" t="s">
        <v>5</v>
      </c>
      <c r="Y29" s="42"/>
    </row>
    <row r="30" spans="2:28" ht="45" customHeight="1" x14ac:dyDescent="0.4">
      <c r="B30" s="33"/>
      <c r="C30" s="44"/>
      <c r="D30" s="45"/>
      <c r="E30" s="46"/>
      <c r="F30" s="39" t="s">
        <v>22</v>
      </c>
      <c r="G30" s="40" t="s">
        <v>29</v>
      </c>
      <c r="H30" s="40"/>
      <c r="I30" s="40"/>
      <c r="J30" s="40"/>
      <c r="K30" s="40"/>
      <c r="L30" s="40"/>
      <c r="M30" s="40"/>
      <c r="N30" s="40"/>
      <c r="O30" s="40"/>
      <c r="P30" s="40"/>
      <c r="Q30" s="40"/>
      <c r="R30" s="40"/>
      <c r="S30" s="40"/>
      <c r="T30" s="47"/>
      <c r="V30" s="43" t="s">
        <v>5</v>
      </c>
      <c r="W30" s="43" t="s">
        <v>15</v>
      </c>
      <c r="X30" s="43" t="s">
        <v>5</v>
      </c>
      <c r="Y30" s="42"/>
    </row>
    <row r="31" spans="2:28" ht="40.5" customHeight="1" x14ac:dyDescent="0.4">
      <c r="B31" s="33"/>
      <c r="C31" s="44"/>
      <c r="D31" s="45"/>
      <c r="E31" s="46"/>
      <c r="F31" s="39" t="s">
        <v>24</v>
      </c>
      <c r="G31" s="40" t="s">
        <v>30</v>
      </c>
      <c r="H31" s="40"/>
      <c r="I31" s="40"/>
      <c r="J31" s="40"/>
      <c r="K31" s="40"/>
      <c r="L31" s="40"/>
      <c r="M31" s="40"/>
      <c r="N31" s="40"/>
      <c r="O31" s="40"/>
      <c r="P31" s="40"/>
      <c r="Q31" s="40"/>
      <c r="R31" s="40"/>
      <c r="S31" s="40"/>
      <c r="T31" s="47"/>
      <c r="V31" s="43" t="s">
        <v>5</v>
      </c>
      <c r="W31" s="43" t="s">
        <v>15</v>
      </c>
      <c r="X31" s="43" t="s">
        <v>5</v>
      </c>
      <c r="Y31" s="42"/>
    </row>
    <row r="32" spans="2:28" ht="41.25" customHeight="1" x14ac:dyDescent="0.15">
      <c r="B32" s="33"/>
      <c r="C32" s="44"/>
      <c r="D32" s="45"/>
      <c r="E32" s="46"/>
      <c r="F32" s="39" t="s">
        <v>31</v>
      </c>
      <c r="G32" s="40" t="s">
        <v>37</v>
      </c>
      <c r="H32" s="40"/>
      <c r="I32" s="40"/>
      <c r="J32" s="40"/>
      <c r="K32" s="40"/>
      <c r="L32" s="40"/>
      <c r="M32" s="40"/>
      <c r="N32" s="40"/>
      <c r="O32" s="40"/>
      <c r="P32" s="40"/>
      <c r="Q32" s="40"/>
      <c r="R32" s="40"/>
      <c r="S32" s="40"/>
      <c r="T32" s="47"/>
      <c r="V32" s="43" t="s">
        <v>5</v>
      </c>
      <c r="W32" s="43" t="s">
        <v>15</v>
      </c>
      <c r="X32" s="43" t="s">
        <v>5</v>
      </c>
      <c r="Y32" s="42"/>
      <c r="Z32" s="2"/>
      <c r="AA32" s="2"/>
      <c r="AB32" s="2"/>
    </row>
    <row r="33" spans="2:28" ht="45" customHeight="1" x14ac:dyDescent="0.15">
      <c r="B33" s="33"/>
      <c r="C33" s="48"/>
      <c r="D33" s="49"/>
      <c r="E33" s="50"/>
      <c r="F33" s="39" t="s">
        <v>33</v>
      </c>
      <c r="G33" s="40" t="s">
        <v>25</v>
      </c>
      <c r="H33" s="40"/>
      <c r="I33" s="40"/>
      <c r="J33" s="40"/>
      <c r="K33" s="40"/>
      <c r="L33" s="40"/>
      <c r="M33" s="40"/>
      <c r="N33" s="40"/>
      <c r="O33" s="40"/>
      <c r="P33" s="40"/>
      <c r="Q33" s="40"/>
      <c r="R33" s="40"/>
      <c r="S33" s="40"/>
      <c r="T33" s="47"/>
      <c r="V33" s="43" t="s">
        <v>5</v>
      </c>
      <c r="W33" s="43" t="s">
        <v>15</v>
      </c>
      <c r="X33" s="43" t="s">
        <v>5</v>
      </c>
      <c r="Y33" s="42"/>
      <c r="Z33" s="2"/>
      <c r="AA33" s="2"/>
      <c r="AB33" s="2"/>
    </row>
    <row r="34" spans="2:28" ht="17.25" customHeight="1" x14ac:dyDescent="0.4">
      <c r="B34" s="51"/>
      <c r="C34" s="28"/>
      <c r="D34" s="28"/>
      <c r="E34" s="28"/>
      <c r="F34" s="28"/>
      <c r="G34" s="28"/>
      <c r="H34" s="28"/>
      <c r="I34" s="28"/>
      <c r="J34" s="28"/>
      <c r="K34" s="28"/>
      <c r="L34" s="28"/>
      <c r="M34" s="28"/>
      <c r="N34" s="28"/>
      <c r="O34" s="28"/>
      <c r="P34" s="28"/>
      <c r="Q34" s="28"/>
      <c r="R34" s="28"/>
      <c r="S34" s="28"/>
      <c r="T34" s="52"/>
      <c r="U34" s="28"/>
      <c r="V34" s="28"/>
      <c r="W34" s="28"/>
      <c r="X34" s="28"/>
      <c r="Y34" s="52"/>
    </row>
    <row r="36" spans="2:28" x14ac:dyDescent="0.4">
      <c r="B36" s="1" t="s">
        <v>38</v>
      </c>
    </row>
    <row r="37" spans="2:28" x14ac:dyDescent="0.15">
      <c r="B37" s="1" t="s">
        <v>39</v>
      </c>
      <c r="K37" s="2"/>
      <c r="L37" s="2"/>
      <c r="M37" s="2"/>
      <c r="N37" s="2"/>
      <c r="O37" s="2"/>
      <c r="P37" s="2"/>
      <c r="Q37" s="2"/>
      <c r="R37" s="2"/>
      <c r="S37" s="2"/>
      <c r="T37" s="2"/>
      <c r="U37" s="2"/>
      <c r="V37" s="2"/>
      <c r="W37" s="2"/>
      <c r="X37" s="2"/>
      <c r="Y37" s="2"/>
    </row>
    <row r="122" spans="3:7" x14ac:dyDescent="0.4">
      <c r="C122" s="28"/>
      <c r="D122" s="28"/>
      <c r="E122" s="28"/>
      <c r="F122" s="28"/>
      <c r="G122" s="28"/>
    </row>
    <row r="123" spans="3:7" x14ac:dyDescent="0.4">
      <c r="C123" s="16"/>
    </row>
  </sheetData>
  <mergeCells count="25">
    <mergeCell ref="G25:S25"/>
    <mergeCell ref="G26:S26"/>
    <mergeCell ref="C28:E33"/>
    <mergeCell ref="G28:S28"/>
    <mergeCell ref="G29:S29"/>
    <mergeCell ref="G30:S30"/>
    <mergeCell ref="G31:S31"/>
    <mergeCell ref="G32:S32"/>
    <mergeCell ref="G33:S33"/>
    <mergeCell ref="C16:E19"/>
    <mergeCell ref="G16:S16"/>
    <mergeCell ref="G17:S17"/>
    <mergeCell ref="G18:S18"/>
    <mergeCell ref="G19:S19"/>
    <mergeCell ref="C21:E26"/>
    <mergeCell ref="G21:S21"/>
    <mergeCell ref="G22:S22"/>
    <mergeCell ref="G23:S23"/>
    <mergeCell ref="G24:S24"/>
    <mergeCell ref="B4:Y4"/>
    <mergeCell ref="B5:Y5"/>
    <mergeCell ref="B7:F7"/>
    <mergeCell ref="G7:Y7"/>
    <mergeCell ref="B8:F8"/>
    <mergeCell ref="B9:F11"/>
  </mergeCells>
  <phoneticPr fontId="3"/>
  <dataValidations count="1">
    <dataValidation type="list" allowBlank="1" showInputMessage="1" showErrorMessage="1" sqref="X28:X33 V16:V19 G8:G11 Q8 L8 X21:X26 X16:X19 V28:V33 V21:V26" xr:uid="{779F3F48-4DCB-49CE-BD47-681CE6899407}">
      <formula1>"□,■"</formula1>
    </dataValidation>
  </dataValidations>
  <pageMargins left="0.70866141732283472" right="0.70866141732283472" top="0.74803149606299213" bottom="0.74803149606299213" header="0.31496062992125984" footer="0.31496062992125984"/>
  <rowBreaks count="1" manualBreakCount="1">
    <brk id="38" max="24"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CE146D-E04B-41AE-928E-41830B2EEE43}">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3</vt:lpstr>
      <vt:lpstr>Sheet1</vt:lpstr>
      <vt:lpstr>別紙1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48:48Z</dcterms:created>
  <dcterms:modified xsi:type="dcterms:W3CDTF">2024-03-22T04:49:22Z</dcterms:modified>
</cp:coreProperties>
</file>